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1575\12_環境衛生G\16_建築物衛生法\10_登録申請（名簿はココ）\一覧掲載\R7.10\02_起案\今回データ\"/>
    </mc:Choice>
  </mc:AlternateContent>
  <xr:revisionPtr revIDLastSave="0" documentId="13_ncr:1_{50D0EAF3-487D-4481-8404-2CB13A191B6B}" xr6:coauthVersionLast="47" xr6:coauthVersionMax="47" xr10:uidLastSave="{00000000-0000-0000-0000-000000000000}"/>
  <bookViews>
    <workbookView xWindow="-108" yWindow="-108" windowWidth="23256" windowHeight="13896" xr2:uid="{3C30CD01-DD8C-47AE-ADAC-9259A5D4A9DB}"/>
  </bookViews>
  <sheets>
    <sheet name="８号（総）登録" sheetId="7" r:id="rId1"/>
  </sheets>
  <definedNames>
    <definedName name="_xlnm.Print_Area" localSheetId="0">'８号（総）登録'!$A$1:$E$45</definedName>
    <definedName name="_xlnm.Print_Titles" localSheetId="0">'８号（総）登録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21" uniqueCount="216">
  <si>
    <t>登録番号</t>
  </si>
  <si>
    <t>営業所名</t>
  </si>
  <si>
    <t>電話番号</t>
  </si>
  <si>
    <t>郵便番号</t>
  </si>
  <si>
    <t>営業所所在地</t>
  </si>
  <si>
    <t>243-0018</t>
  </si>
  <si>
    <t>254-0052</t>
  </si>
  <si>
    <t>250-0032</t>
  </si>
  <si>
    <t>250-0012</t>
  </si>
  <si>
    <t>250-0111</t>
  </si>
  <si>
    <t>252-0804</t>
  </si>
  <si>
    <t>横須賀市内川一丁目２番21号</t>
    <rPh sb="0" eb="4">
      <t>ヨコスカシ</t>
    </rPh>
    <rPh sb="4" eb="6">
      <t>ウチカワ</t>
    </rPh>
    <rPh sb="6" eb="9">
      <t>イッチョウメ</t>
    </rPh>
    <rPh sb="10" eb="11">
      <t>バン</t>
    </rPh>
    <rPh sb="13" eb="14">
      <t>ゴウ</t>
    </rPh>
    <phoneticPr fontId="1"/>
  </si>
  <si>
    <t>249-0005</t>
  </si>
  <si>
    <t>254-0041</t>
  </si>
  <si>
    <t>250-0866</t>
  </si>
  <si>
    <t>マルコービルワーク(株)</t>
  </si>
  <si>
    <t>(0466)25-7618</t>
  </si>
  <si>
    <t>251-0053</t>
  </si>
  <si>
    <t>(株)サンエーサンクス</t>
  </si>
  <si>
    <t>(0467)75-2111</t>
  </si>
  <si>
    <t>253-0101</t>
  </si>
  <si>
    <t>(0465)23-4038</t>
  </si>
  <si>
    <t>(株)北青サービス</t>
  </si>
  <si>
    <t>(株)サンエーヒラツカ</t>
  </si>
  <si>
    <t>(株)東海ビルメンテナス</t>
  </si>
  <si>
    <t>(株)湘南美装</t>
  </si>
  <si>
    <t>(0463)22-1494</t>
  </si>
  <si>
    <t>254-0811</t>
  </si>
  <si>
    <t>高橋産業(株)</t>
  </si>
  <si>
    <t>(0463)23-3691</t>
  </si>
  <si>
    <t>254-0026</t>
  </si>
  <si>
    <t>(株)東幸　湘南営業所</t>
  </si>
  <si>
    <t>(0466)23-0325</t>
  </si>
  <si>
    <t>251-0024</t>
  </si>
  <si>
    <t>250-0002</t>
  </si>
  <si>
    <t>(046)222-2555</t>
  </si>
  <si>
    <t>243-0814</t>
  </si>
  <si>
    <t>(株)郵生</t>
  </si>
  <si>
    <t>(0463)33-3108</t>
  </si>
  <si>
    <t>254-0014</t>
  </si>
  <si>
    <t>(株)ダイイチ美装社</t>
  </si>
  <si>
    <t>(0463)32-1206</t>
  </si>
  <si>
    <t>(046)261-9154</t>
  </si>
  <si>
    <t>(046)836-7793</t>
  </si>
  <si>
    <t>239-0807</t>
  </si>
  <si>
    <t>254-0901</t>
  </si>
  <si>
    <t>252-0816</t>
  </si>
  <si>
    <t>252-0021</t>
  </si>
  <si>
    <t>(株)トーヨーテクノ</t>
  </si>
  <si>
    <t>(0467)53-4895</t>
  </si>
  <si>
    <t>253-0082</t>
  </si>
  <si>
    <t>(有)ピー・ジー・エル・ジャパン</t>
  </si>
  <si>
    <t>(0463)23-6861</t>
  </si>
  <si>
    <t>254-0807</t>
  </si>
  <si>
    <t>(株)リンレイサービス神奈川支店</t>
  </si>
  <si>
    <t>(0463)21-3968</t>
  </si>
  <si>
    <t>254-0045</t>
  </si>
  <si>
    <t>フロンティア１(株)</t>
    <rPh sb="7" eb="10">
      <t>カブ</t>
    </rPh>
    <phoneticPr fontId="1"/>
  </si>
  <si>
    <t>小田原市寿町１－１－12</t>
    <rPh sb="0" eb="4">
      <t>オダワラシ</t>
    </rPh>
    <rPh sb="4" eb="6">
      <t>コトブキチョウ</t>
    </rPh>
    <phoneticPr fontId="1"/>
  </si>
  <si>
    <t>（046）222-5476</t>
  </si>
  <si>
    <t>厚木市中町四丁目1番10号朝日生命厚木ビル４階</t>
    <rPh sb="5" eb="6">
      <t>ヨン</t>
    </rPh>
    <phoneticPr fontId="1"/>
  </si>
  <si>
    <t>(0465)23-4116</t>
  </si>
  <si>
    <t>小田原市本町一丁目13番６号</t>
  </si>
  <si>
    <t>平塚市四之宮一丁目２番30号</t>
  </si>
  <si>
    <t>(0463)55-9666</t>
  </si>
  <si>
    <t>平塚市四之宮四丁目20番19号</t>
    <rPh sb="3" eb="6">
      <t>シノミヤ</t>
    </rPh>
    <rPh sb="6" eb="7">
      <t>４</t>
    </rPh>
    <rPh sb="7" eb="9">
      <t>チョウメ</t>
    </rPh>
    <rPh sb="11" eb="12">
      <t>バン</t>
    </rPh>
    <rPh sb="14" eb="15">
      <t>ゴウ</t>
    </rPh>
    <phoneticPr fontId="1"/>
  </si>
  <si>
    <t>山王総合(株)</t>
  </si>
  <si>
    <t>(0466)46-0008</t>
  </si>
  <si>
    <t>(株)日装</t>
    <rPh sb="3" eb="4">
      <t>ヒ</t>
    </rPh>
    <rPh sb="4" eb="5">
      <t>ソウ</t>
    </rPh>
    <phoneticPr fontId="1"/>
  </si>
  <si>
    <t>平塚市纒208番地</t>
    <rPh sb="0" eb="3">
      <t>ヒラツカシ</t>
    </rPh>
    <rPh sb="7" eb="9">
      <t>バンチ</t>
    </rPh>
    <phoneticPr fontId="1"/>
  </si>
  <si>
    <t>(046)870-6925</t>
  </si>
  <si>
    <t>逗子市桜山４－６－１３</t>
    <rPh sb="0" eb="3">
      <t>ズシシ</t>
    </rPh>
    <rPh sb="3" eb="5">
      <t>サクラヤマ</t>
    </rPh>
    <phoneticPr fontId="1"/>
  </si>
  <si>
    <t>平塚市八重咲町２番２号シーホース湘南ビル４階</t>
    <rPh sb="8" eb="9">
      <t>バン</t>
    </rPh>
    <rPh sb="10" eb="11">
      <t>ゴウ</t>
    </rPh>
    <rPh sb="16" eb="18">
      <t>ショウナン</t>
    </rPh>
    <rPh sb="21" eb="22">
      <t>カイ</t>
    </rPh>
    <phoneticPr fontId="1"/>
  </si>
  <si>
    <t>(0463)22-5678</t>
  </si>
  <si>
    <t>(0463)33-7516</t>
  </si>
  <si>
    <t>254-0063</t>
  </si>
  <si>
    <t>(株)ジンダイ　平塚支店</t>
    <rPh sb="1" eb="2">
      <t>カブ</t>
    </rPh>
    <rPh sb="8" eb="10">
      <t>ヒラツカ</t>
    </rPh>
    <rPh sb="10" eb="12">
      <t>シテン</t>
    </rPh>
    <phoneticPr fontId="1"/>
  </si>
  <si>
    <t>(0463)71-5105</t>
  </si>
  <si>
    <t>平塚市見附町４６－３１－２１４</t>
    <rPh sb="0" eb="3">
      <t>ヒラツカシ</t>
    </rPh>
    <rPh sb="3" eb="6">
      <t>ミツケチョウ</t>
    </rPh>
    <phoneticPr fontId="1"/>
  </si>
  <si>
    <t>0465-22-8923</t>
  </si>
  <si>
    <t>250-0021</t>
  </si>
  <si>
    <t>小田原市早川２－12－13</t>
    <rPh sb="0" eb="4">
      <t>オダワラシ</t>
    </rPh>
    <rPh sb="4" eb="6">
      <t>ハヤカワ</t>
    </rPh>
    <phoneticPr fontId="1"/>
  </si>
  <si>
    <t>0465-35-2038</t>
  </si>
  <si>
    <t>(0463)32-8491</t>
  </si>
  <si>
    <t>(株)アッシュ</t>
    <rPh sb="0" eb="3">
      <t>カブ</t>
    </rPh>
    <phoneticPr fontId="1"/>
  </si>
  <si>
    <t>253-0103</t>
  </si>
  <si>
    <t>(0463)50-3518</t>
  </si>
  <si>
    <t>259-1201</t>
  </si>
  <si>
    <t>(株)カインドサービス</t>
    <rPh sb="0" eb="3">
      <t>カブ</t>
    </rPh>
    <phoneticPr fontId="1"/>
  </si>
  <si>
    <t>046-255-5921</t>
  </si>
  <si>
    <t>建築物環境衛生総合管理業　８号登録</t>
  </si>
  <si>
    <t>神奈川県15総第１号</t>
  </si>
  <si>
    <t>(株)日動計画</t>
  </si>
  <si>
    <t>(0463)83-1212</t>
  </si>
  <si>
    <t>257-0025</t>
  </si>
  <si>
    <t>秦野市落合３４０番地の１</t>
    <rPh sb="3" eb="5">
      <t>オチアイ</t>
    </rPh>
    <rPh sb="8" eb="10">
      <t>バンチ</t>
    </rPh>
    <phoneticPr fontId="1"/>
  </si>
  <si>
    <t>神奈川県15総第６号</t>
  </si>
  <si>
    <t>高座郡寒川町倉見968番地１</t>
    <rPh sb="0" eb="2">
      <t>コウザ</t>
    </rPh>
    <rPh sb="2" eb="3">
      <t>グン</t>
    </rPh>
    <rPh sb="11" eb="13">
      <t>バンチ</t>
    </rPh>
    <phoneticPr fontId="1"/>
  </si>
  <si>
    <t>神奈川県16総第５号</t>
  </si>
  <si>
    <t>(0463)95-7700</t>
  </si>
  <si>
    <t>259-1142</t>
  </si>
  <si>
    <t>伊勢原市田中１４１</t>
  </si>
  <si>
    <t>神奈川県16総第８号</t>
  </si>
  <si>
    <t>(株)出羽商会</t>
  </si>
  <si>
    <t>(0466)87-9976</t>
  </si>
  <si>
    <t>藤沢市遠藤1544番地の２</t>
    <rPh sb="9" eb="11">
      <t>バンチ</t>
    </rPh>
    <phoneticPr fontId="1"/>
  </si>
  <si>
    <t>神奈川県16総第10号</t>
  </si>
  <si>
    <t>神奈川県16総第14号</t>
  </si>
  <si>
    <t>平塚市平塚四丁目32番15号</t>
    <rPh sb="10" eb="11">
      <t>バン</t>
    </rPh>
    <rPh sb="13" eb="14">
      <t>ゴウ</t>
    </rPh>
    <phoneticPr fontId="1"/>
  </si>
  <si>
    <t>神奈川県17総第２号</t>
  </si>
  <si>
    <t>茅ヶ崎市香川二丁目20番14号</t>
    <rPh sb="0" eb="4">
      <t>チガサキシ</t>
    </rPh>
    <rPh sb="4" eb="6">
      <t>カガワ</t>
    </rPh>
    <rPh sb="6" eb="9">
      <t>２チョウメ</t>
    </rPh>
    <rPh sb="11" eb="12">
      <t>バン</t>
    </rPh>
    <rPh sb="14" eb="15">
      <t>ゴウ</t>
    </rPh>
    <phoneticPr fontId="1"/>
  </si>
  <si>
    <t>神奈川県17総第９号</t>
  </si>
  <si>
    <t>神奈川県17総第12号</t>
  </si>
  <si>
    <t>藤沢市鵠沼橘一丁目１番４号砂川ﾋﾞﾙ５階</t>
    <rPh sb="6" eb="9">
      <t>１チョウメ</t>
    </rPh>
    <rPh sb="10" eb="11">
      <t>バン</t>
    </rPh>
    <rPh sb="12" eb="13">
      <t>ゴウ</t>
    </rPh>
    <rPh sb="19" eb="20">
      <t>カイ</t>
    </rPh>
    <phoneticPr fontId="1"/>
  </si>
  <si>
    <t>神奈川県17総第13号</t>
  </si>
  <si>
    <t>神奈川県17総第16号</t>
  </si>
  <si>
    <t>神奈川県17総第20号</t>
  </si>
  <si>
    <t>平塚市八重咲町７番２８号</t>
  </si>
  <si>
    <t>神奈川県17総第21号</t>
  </si>
  <si>
    <t>平塚市中堂13番16号</t>
  </si>
  <si>
    <t>神奈川県18総第５号</t>
  </si>
  <si>
    <t>平塚市浅間町７番１６号</t>
    <rPh sb="7" eb="8">
      <t>バン</t>
    </rPh>
    <rPh sb="10" eb="11">
      <t>ゴウ</t>
    </rPh>
    <phoneticPr fontId="1"/>
  </si>
  <si>
    <t>神奈川県18総第８号</t>
  </si>
  <si>
    <t>(株)アグサ</t>
    <rPh sb="0" eb="3">
      <t>カブ</t>
    </rPh>
    <phoneticPr fontId="1"/>
  </si>
  <si>
    <t>(0465)74-1742</t>
  </si>
  <si>
    <t>250-0123</t>
  </si>
  <si>
    <t>南足柄市中沼３０５－１</t>
  </si>
  <si>
    <t>神奈川県19総第４号</t>
  </si>
  <si>
    <t>(株)サイオー　神奈川支店</t>
    <rPh sb="8" eb="11">
      <t>カナガワ</t>
    </rPh>
    <rPh sb="11" eb="13">
      <t>シテン</t>
    </rPh>
    <phoneticPr fontId="1"/>
  </si>
  <si>
    <t>（0466）22-5769</t>
  </si>
  <si>
    <t>251-0052</t>
  </si>
  <si>
    <t>藤沢市藤沢３８８番地　F.I.C富士ビル本館９F</t>
    <rPh sb="0" eb="3">
      <t>フジサワシ</t>
    </rPh>
    <rPh sb="3" eb="5">
      <t>フジサワ</t>
    </rPh>
    <rPh sb="8" eb="10">
      <t>バンチ</t>
    </rPh>
    <rPh sb="16" eb="18">
      <t>フジ</t>
    </rPh>
    <rPh sb="20" eb="22">
      <t>ホンカン</t>
    </rPh>
    <phoneticPr fontId="1"/>
  </si>
  <si>
    <t>神奈川県19総第６号</t>
  </si>
  <si>
    <t>(株)大興</t>
    <rPh sb="3" eb="5">
      <t>ダイコウ</t>
    </rPh>
    <phoneticPr fontId="1"/>
  </si>
  <si>
    <t>横須賀市佐原二丁目１番10号</t>
    <rPh sb="0" eb="4">
      <t>ヨコスカシ</t>
    </rPh>
    <rPh sb="4" eb="6">
      <t>サハラ</t>
    </rPh>
    <rPh sb="6" eb="9">
      <t>ニチョウメ</t>
    </rPh>
    <rPh sb="10" eb="11">
      <t>バン</t>
    </rPh>
    <rPh sb="13" eb="14">
      <t>ゴウ</t>
    </rPh>
    <phoneticPr fontId="1"/>
  </si>
  <si>
    <t>神奈川県19総第７号</t>
  </si>
  <si>
    <t>藤沢市本町二丁目10番17号</t>
    <rPh sb="0" eb="3">
      <t>フジサワシ</t>
    </rPh>
    <rPh sb="3" eb="5">
      <t>ホンチョウ</t>
    </rPh>
    <rPh sb="5" eb="8">
      <t>ニチョウメ</t>
    </rPh>
    <rPh sb="10" eb="11">
      <t>バン</t>
    </rPh>
    <rPh sb="13" eb="14">
      <t>ゴウ</t>
    </rPh>
    <phoneticPr fontId="1"/>
  </si>
  <si>
    <t>神奈川県19総第８号</t>
  </si>
  <si>
    <t>箱根プレザントサービス株式会社</t>
    <rPh sb="0" eb="2">
      <t>ハコネ</t>
    </rPh>
    <phoneticPr fontId="1"/>
  </si>
  <si>
    <t>(0465)24-4310</t>
  </si>
  <si>
    <t>250-0045</t>
  </si>
  <si>
    <t>小田原市城山三丁目22番６号</t>
    <rPh sb="0" eb="4">
      <t>オダワラシ</t>
    </rPh>
    <rPh sb="4" eb="6">
      <t>シロヤマ</t>
    </rPh>
    <rPh sb="6" eb="9">
      <t>サンチョウメ</t>
    </rPh>
    <rPh sb="11" eb="12">
      <t>バン</t>
    </rPh>
    <rPh sb="13" eb="14">
      <t>ゴウ</t>
    </rPh>
    <phoneticPr fontId="1"/>
  </si>
  <si>
    <t>神奈川県19総第10号</t>
  </si>
  <si>
    <t>平塚市中堂１－15</t>
    <rPh sb="0" eb="3">
      <t>ヒラツカシ</t>
    </rPh>
    <rPh sb="3" eb="5">
      <t>チュウドウ</t>
    </rPh>
    <phoneticPr fontId="1"/>
  </si>
  <si>
    <t>神奈川県19総第13号</t>
  </si>
  <si>
    <t>(株)ビルメンテナンス湘南リコー</t>
    <rPh sb="0" eb="3">
      <t>カブ</t>
    </rPh>
    <rPh sb="11" eb="13">
      <t>ショウナン</t>
    </rPh>
    <phoneticPr fontId="1"/>
  </si>
  <si>
    <t>藤沢市湘南台一丁目６番７号</t>
    <rPh sb="0" eb="3">
      <t>フジサワシ</t>
    </rPh>
    <rPh sb="3" eb="6">
      <t>ショウナンダイ</t>
    </rPh>
    <rPh sb="6" eb="9">
      <t>イッチョウメ</t>
    </rPh>
    <rPh sb="10" eb="11">
      <t>バン</t>
    </rPh>
    <rPh sb="12" eb="13">
      <t>ゴウ</t>
    </rPh>
    <phoneticPr fontId="1"/>
  </si>
  <si>
    <t>神奈川県19総第14号</t>
  </si>
  <si>
    <t>和興建清(株)</t>
    <rPh sb="0" eb="2">
      <t>ワコウ</t>
    </rPh>
    <rPh sb="2" eb="3">
      <t>ダテ</t>
    </rPh>
    <rPh sb="3" eb="4">
      <t>セイ</t>
    </rPh>
    <phoneticPr fontId="1"/>
  </si>
  <si>
    <t>242-0029</t>
  </si>
  <si>
    <t>大和市上草柳三丁目１６番２７号</t>
    <rPh sb="0" eb="3">
      <t>ヤマトシ</t>
    </rPh>
    <rPh sb="3" eb="4">
      <t>カミ</t>
    </rPh>
    <rPh sb="4" eb="5">
      <t>クサ</t>
    </rPh>
    <rPh sb="5" eb="6">
      <t>ヤナギ</t>
    </rPh>
    <rPh sb="6" eb="9">
      <t>３チョウメ</t>
    </rPh>
    <rPh sb="11" eb="12">
      <t>バン</t>
    </rPh>
    <rPh sb="14" eb="15">
      <t>ゴウ</t>
    </rPh>
    <phoneticPr fontId="1"/>
  </si>
  <si>
    <t>神奈川県19総第15号</t>
  </si>
  <si>
    <t>(株)オービーエム管財</t>
    <rPh sb="9" eb="11">
      <t>カンザイ</t>
    </rPh>
    <phoneticPr fontId="1"/>
  </si>
  <si>
    <t>小田原市風祭７２番地１</t>
    <rPh sb="0" eb="4">
      <t>オダワラシ</t>
    </rPh>
    <rPh sb="4" eb="6">
      <t>カザマツリ</t>
    </rPh>
    <rPh sb="8" eb="10">
      <t>バンチ</t>
    </rPh>
    <phoneticPr fontId="1"/>
  </si>
  <si>
    <t>神奈川県19総第17号</t>
  </si>
  <si>
    <t>(株)綜合サービス</t>
    <rPh sb="3" eb="5">
      <t>ソウゴウ</t>
    </rPh>
    <phoneticPr fontId="1"/>
  </si>
  <si>
    <t>平塚市代官町１９番１４号</t>
    <rPh sb="0" eb="3">
      <t>ヒラツカシ</t>
    </rPh>
    <rPh sb="3" eb="5">
      <t>ダイカン</t>
    </rPh>
    <rPh sb="5" eb="6">
      <t>チョウ</t>
    </rPh>
    <phoneticPr fontId="1"/>
  </si>
  <si>
    <t>神奈川県20総第３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（0463）34-4239</t>
  </si>
  <si>
    <t>神奈川県20総第５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美装フジモト</t>
    <rPh sb="3" eb="4">
      <t>ビ</t>
    </rPh>
    <rPh sb="4" eb="5">
      <t>ソウ</t>
    </rPh>
    <phoneticPr fontId="1"/>
  </si>
  <si>
    <t>（0465）36-2684</t>
  </si>
  <si>
    <t>小田原市中曽根９２－６</t>
    <rPh sb="0" eb="4">
      <t>オダワラシ</t>
    </rPh>
    <rPh sb="4" eb="7">
      <t>ナカソネ</t>
    </rPh>
    <phoneticPr fontId="1"/>
  </si>
  <si>
    <t>神奈川県20総第６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清王サービス</t>
    <rPh sb="3" eb="4">
      <t>セイ</t>
    </rPh>
    <rPh sb="4" eb="5">
      <t>オウ</t>
    </rPh>
    <phoneticPr fontId="1"/>
  </si>
  <si>
    <t>(0465)73-3420</t>
  </si>
  <si>
    <t>南足柄市竹松１２２３</t>
    <rPh sb="0" eb="4">
      <t>ミナミアシガラシ</t>
    </rPh>
    <rPh sb="4" eb="6">
      <t>タケマツ</t>
    </rPh>
    <phoneticPr fontId="1"/>
  </si>
  <si>
    <t>神奈川県22総第５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日東グローブシップ・カストディアル・サービス(株)　小田原支店</t>
    <rPh sb="0" eb="2">
      <t>ニットウ</t>
    </rPh>
    <rPh sb="22" eb="25">
      <t>カブシキガイシャ</t>
    </rPh>
    <rPh sb="26" eb="29">
      <t>オダワラ</t>
    </rPh>
    <rPh sb="29" eb="31">
      <t>シテン</t>
    </rPh>
    <phoneticPr fontId="1"/>
  </si>
  <si>
    <t>(0465)24-0773</t>
  </si>
  <si>
    <t>小田原市早川３－１４－１６</t>
    <rPh sb="0" eb="4">
      <t>オダワラシ</t>
    </rPh>
    <rPh sb="4" eb="5">
      <t>ハヤ</t>
    </rPh>
    <rPh sb="5" eb="6">
      <t>カワ</t>
    </rPh>
    <phoneticPr fontId="1"/>
  </si>
  <si>
    <t>神奈川県23総第２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朝日美装</t>
    <rPh sb="0" eb="3">
      <t>カブシキガイシャ</t>
    </rPh>
    <rPh sb="3" eb="5">
      <t>アサヒ</t>
    </rPh>
    <rPh sb="5" eb="6">
      <t>ビ</t>
    </rPh>
    <rPh sb="6" eb="7">
      <t>ソウ</t>
    </rPh>
    <phoneticPr fontId="1"/>
  </si>
  <si>
    <t>厚木市妻田南一丁目17番54号</t>
    <rPh sb="0" eb="3">
      <t>アツギシ</t>
    </rPh>
    <rPh sb="3" eb="5">
      <t>ツマダ</t>
    </rPh>
    <rPh sb="5" eb="6">
      <t>ミナミ</t>
    </rPh>
    <rPh sb="6" eb="7">
      <t>1</t>
    </rPh>
    <rPh sb="7" eb="9">
      <t>チョウメ</t>
    </rPh>
    <rPh sb="11" eb="12">
      <t>バン</t>
    </rPh>
    <rPh sb="14" eb="15">
      <t>ゴウ</t>
    </rPh>
    <phoneticPr fontId="1"/>
  </si>
  <si>
    <t>神奈川県25総第１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ジー・エフ・シー</t>
    <rPh sb="1" eb="2">
      <t>カブ</t>
    </rPh>
    <phoneticPr fontId="1"/>
  </si>
  <si>
    <t>神奈川県27総第１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平塚日通サービス(株)</t>
    <rPh sb="0" eb="2">
      <t>ヒラツカ</t>
    </rPh>
    <rPh sb="2" eb="4">
      <t>ニッツウ</t>
    </rPh>
    <phoneticPr fontId="1"/>
  </si>
  <si>
    <t>(0463)22-5387</t>
  </si>
  <si>
    <t>254-0073</t>
  </si>
  <si>
    <t>平塚市西八幡三丁目８番１８号</t>
    <rPh sb="0" eb="3">
      <t>ヒラツカシ</t>
    </rPh>
    <rPh sb="3" eb="6">
      <t>ニシヤワタ</t>
    </rPh>
    <rPh sb="6" eb="9">
      <t>３チョウメ</t>
    </rPh>
    <rPh sb="10" eb="11">
      <t>バン</t>
    </rPh>
    <rPh sb="13" eb="14">
      <t>ゴウ</t>
    </rPh>
    <phoneticPr fontId="1"/>
  </si>
  <si>
    <t>神奈川県27総第２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健装</t>
    <rPh sb="1" eb="2">
      <t>カブ</t>
    </rPh>
    <rPh sb="3" eb="4">
      <t>ケン</t>
    </rPh>
    <rPh sb="4" eb="5">
      <t>ソウ</t>
    </rPh>
    <phoneticPr fontId="1"/>
  </si>
  <si>
    <t>平塚市南金目324番地の２</t>
    <rPh sb="0" eb="3">
      <t>ヒラツカシ</t>
    </rPh>
    <rPh sb="3" eb="4">
      <t>ミナミ</t>
    </rPh>
    <rPh sb="4" eb="6">
      <t>キンメ</t>
    </rPh>
    <phoneticPr fontId="1"/>
  </si>
  <si>
    <t>神奈川県27総第３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武翔総合管理　平塚支店</t>
    <rPh sb="1" eb="2">
      <t>カブ</t>
    </rPh>
    <rPh sb="3" eb="4">
      <t>ム</t>
    </rPh>
    <rPh sb="4" eb="5">
      <t>ショウ</t>
    </rPh>
    <rPh sb="5" eb="7">
      <t>ソウゴウ</t>
    </rPh>
    <rPh sb="7" eb="9">
      <t>カンリ</t>
    </rPh>
    <rPh sb="10" eb="12">
      <t>ヒラツカ</t>
    </rPh>
    <rPh sb="12" eb="14">
      <t>シテン</t>
    </rPh>
    <phoneticPr fontId="1"/>
  </si>
  <si>
    <t>平塚市諏訪町24－11　ぱーくさいど伊勢102</t>
    <rPh sb="0" eb="3">
      <t>ヒラツカシ</t>
    </rPh>
    <rPh sb="3" eb="6">
      <t>スワチョウ</t>
    </rPh>
    <rPh sb="18" eb="20">
      <t>イセ</t>
    </rPh>
    <phoneticPr fontId="1"/>
  </si>
  <si>
    <t>神奈川県28総第２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神奈川県28総第３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オーディーエー(株)　平塚営業所</t>
    <rPh sb="7" eb="10">
      <t>カブ</t>
    </rPh>
    <rPh sb="11" eb="13">
      <t>ヒラツカ</t>
    </rPh>
    <rPh sb="13" eb="16">
      <t>エイギョウショ</t>
    </rPh>
    <phoneticPr fontId="1"/>
  </si>
  <si>
    <t>(0463)79-9940</t>
  </si>
  <si>
    <t>254-0806</t>
  </si>
  <si>
    <t>平塚市夕陽ケ丘20番14号</t>
    <rPh sb="0" eb="3">
      <t>ヒラツカシ</t>
    </rPh>
    <rPh sb="3" eb="5">
      <t>ユウヒ</t>
    </rPh>
    <rPh sb="6" eb="7">
      <t>オカ</t>
    </rPh>
    <rPh sb="9" eb="10">
      <t>バン</t>
    </rPh>
    <rPh sb="12" eb="13">
      <t>ゴウ</t>
    </rPh>
    <phoneticPr fontId="1"/>
  </si>
  <si>
    <t>神奈川県29総第１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エアー</t>
    <rPh sb="0" eb="3">
      <t>カブ</t>
    </rPh>
    <phoneticPr fontId="1"/>
  </si>
  <si>
    <t>(046)884-4737</t>
  </si>
  <si>
    <t>239-0835</t>
  </si>
  <si>
    <t>神奈川県31総第２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創伸</t>
  </si>
  <si>
    <t>神奈川県R2総第１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神奈川県R2総第２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座間市緑ケ丘４丁目８番７号</t>
  </si>
  <si>
    <t>神奈川県R2総第３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プロミティ</t>
    <rPh sb="0" eb="3">
      <t>カブ</t>
    </rPh>
    <phoneticPr fontId="1"/>
  </si>
  <si>
    <t>046-204-5461</t>
  </si>
  <si>
    <t>厚木市中町４－１６－２１　プロミティあつぎ３F</t>
  </si>
  <si>
    <t>神奈川県R3総第１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三幸(株)　南関東支店</t>
    <rPh sb="2" eb="5">
      <t>カブ</t>
    </rPh>
    <rPh sb="6" eb="7">
      <t>ミナミ</t>
    </rPh>
    <rPh sb="7" eb="9">
      <t>カントウ</t>
    </rPh>
    <rPh sb="9" eb="11">
      <t>シテン</t>
    </rPh>
    <phoneticPr fontId="1"/>
  </si>
  <si>
    <t>神奈川県R3総第２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(株)松沢興産</t>
    <rPh sb="0" eb="3">
      <t>カブ</t>
    </rPh>
    <phoneticPr fontId="1"/>
  </si>
  <si>
    <t>(0463)75-0250</t>
  </si>
  <si>
    <t>259-1302</t>
  </si>
  <si>
    <t>秦野市菩提164番地の１</t>
    <rPh sb="8" eb="10">
      <t>バンチ</t>
    </rPh>
    <phoneticPr fontId="1"/>
  </si>
  <si>
    <t>神奈川県R5総第１号</t>
    <rPh sb="0" eb="4">
      <t>カナガワケン</t>
    </rPh>
    <rPh sb="6" eb="7">
      <t>ソウ</t>
    </rPh>
    <rPh sb="7" eb="8">
      <t>ダイ</t>
    </rPh>
    <rPh sb="9" eb="10">
      <t>ゴウ</t>
    </rPh>
    <phoneticPr fontId="1"/>
  </si>
  <si>
    <t>0467-81-3125</t>
  </si>
  <si>
    <t>高座郡寒川町小谷一丁目４番３号</t>
    <rPh sb="0" eb="2">
      <t>コウザ</t>
    </rPh>
    <rPh sb="2" eb="3">
      <t>グン</t>
    </rPh>
    <rPh sb="6" eb="8">
      <t>コタニ</t>
    </rPh>
    <rPh sb="8" eb="11">
      <t>イッチョウメ</t>
    </rPh>
    <rPh sb="12" eb="13">
      <t>バン</t>
    </rPh>
    <rPh sb="14" eb="15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[&lt;=99999999]####&quot;¥&quot;&quot;¥&quot;\!\!\-####;&quot;¥&quot;&quot;¥&quot;\!\!\(000&quot;¥&quot;&quot;¥&quot;\!\!\)&quot;¥&quot;&quot;¥&quot;\!\!\ ###&quot;¥&quot;&quot;¥&quot;\!\!\-####"/>
    <numFmt numFmtId="177" formatCode="[&lt;=999]000;000&quot;¥&quot;&quot;¥&quot;\!\!\-0000"/>
    <numFmt numFmtId="178" formatCode="[&lt;=99999999]####\-####;\(#000\)###\-####"/>
  </numFmts>
  <fonts count="4" x14ac:knownFonts="1">
    <font>
      <sz val="11"/>
      <color theme="1"/>
      <name val="游ゴシック"/>
      <family val="2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trike/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8">
    <xf numFmtId="0" fontId="0" fillId="0" borderId="0" xfId="0"/>
    <xf numFmtId="0" fontId="1" fillId="0" borderId="0" xfId="0" applyFont="1" applyAlignment="1">
      <alignment horizontal="left" vertical="center"/>
    </xf>
    <xf numFmtId="177" fontId="1" fillId="0" borderId="0" xfId="0" applyNumberFormat="1" applyFont="1" applyAlignment="1">
      <alignment horizontal="center" vertical="center"/>
    </xf>
    <xf numFmtId="0" fontId="1" fillId="0" borderId="1" xfId="0" applyFont="1" applyBorder="1" applyAlignment="1">
      <alignment horizontal="center" vertical="center" shrinkToFit="1"/>
    </xf>
    <xf numFmtId="176" fontId="1" fillId="0" borderId="1" xfId="0" applyNumberFormat="1" applyFont="1" applyBorder="1" applyAlignment="1">
      <alignment horizontal="center" vertical="center" shrinkToFit="1"/>
    </xf>
    <xf numFmtId="177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horizontal="center" vertical="center" shrinkToFit="1"/>
    </xf>
    <xf numFmtId="0" fontId="1" fillId="0" borderId="1" xfId="0" applyFont="1" applyBorder="1" applyAlignment="1">
      <alignment vertical="center" shrinkToFit="1"/>
    </xf>
    <xf numFmtId="0" fontId="1" fillId="0" borderId="0" xfId="0" applyFont="1" applyAlignment="1">
      <alignment vertical="center" shrinkToFit="1"/>
    </xf>
    <xf numFmtId="0" fontId="3" fillId="0" borderId="0" xfId="0" applyFont="1" applyAlignment="1">
      <alignment vertical="center" shrinkToFit="1"/>
    </xf>
    <xf numFmtId="0" fontId="1" fillId="0" borderId="1" xfId="0" applyFont="1" applyBorder="1" applyAlignment="1">
      <alignment vertical="center" wrapText="1" shrinkToFit="1"/>
    </xf>
    <xf numFmtId="178" fontId="1" fillId="0" borderId="1" xfId="0" applyNumberFormat="1" applyFont="1" applyBorder="1" applyAlignment="1">
      <alignment horizontal="center" vertical="center" wrapText="1" shrinkToFit="1"/>
    </xf>
    <xf numFmtId="176" fontId="1" fillId="0" borderId="0" xfId="0" applyNumberFormat="1" applyFont="1" applyAlignment="1">
      <alignment horizontal="center" vertical="center" shrinkToFit="1"/>
    </xf>
    <xf numFmtId="177" fontId="1" fillId="0" borderId="0" xfId="0" applyNumberFormat="1" applyFont="1" applyAlignment="1">
      <alignment horizontal="center" vertical="center" shrinkToFit="1"/>
    </xf>
    <xf numFmtId="176" fontId="1" fillId="0" borderId="1" xfId="0" applyNumberFormat="1" applyFont="1" applyBorder="1" applyAlignment="1">
      <alignment horizontal="left" vertical="center" shrinkToFit="1"/>
    </xf>
    <xf numFmtId="57" fontId="1" fillId="0" borderId="1" xfId="0" applyNumberFormat="1" applyFont="1" applyBorder="1" applyAlignment="1">
      <alignment horizontal="left" vertical="center" shrinkToFit="1"/>
    </xf>
    <xf numFmtId="176" fontId="1" fillId="0" borderId="0" xfId="0" applyNumberFormat="1" applyFont="1" applyAlignment="1">
      <alignment horizontal="left" vertical="center"/>
    </xf>
    <xf numFmtId="177" fontId="1" fillId="0" borderId="2" xfId="0" applyNumberFormat="1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6929B16-6673-4E80-A4C5-B4BD0871036A}">
  <dimension ref="A1:E45"/>
  <sheetViews>
    <sheetView tabSelected="1" topLeftCell="A34" workbookViewId="0">
      <selection activeCell="E11" sqref="E11"/>
    </sheetView>
  </sheetViews>
  <sheetFormatPr defaultColWidth="8.09765625" defaultRowHeight="13.2" x14ac:dyDescent="0.45"/>
  <cols>
    <col min="1" max="1" width="18.3984375" style="8" customWidth="1"/>
    <col min="2" max="2" width="36.3984375" style="8" customWidth="1"/>
    <col min="3" max="3" width="14.5" style="12" customWidth="1"/>
    <col min="4" max="4" width="9.09765625" style="13" customWidth="1"/>
    <col min="5" max="5" width="41.59765625" style="8" customWidth="1"/>
    <col min="6" max="16384" width="8.09765625" style="8"/>
  </cols>
  <sheetData>
    <row r="1" spans="1:5" s="1" customFormat="1" ht="22.8" customHeight="1" x14ac:dyDescent="0.45">
      <c r="A1" s="1" t="s">
        <v>90</v>
      </c>
      <c r="C1" s="16"/>
      <c r="D1" s="2"/>
    </row>
    <row r="2" spans="1:5" s="6" customFormat="1" ht="22.8" customHeight="1" x14ac:dyDescent="0.45">
      <c r="A2" s="3" t="s">
        <v>0</v>
      </c>
      <c r="B2" s="3" t="s">
        <v>1</v>
      </c>
      <c r="C2" s="4" t="s">
        <v>2</v>
      </c>
      <c r="D2" s="5" t="s">
        <v>3</v>
      </c>
      <c r="E2" s="3" t="s">
        <v>4</v>
      </c>
    </row>
    <row r="3" spans="1:5" ht="22.8" customHeight="1" x14ac:dyDescent="0.45">
      <c r="A3" s="7" t="s">
        <v>91</v>
      </c>
      <c r="B3" s="14" t="s">
        <v>92</v>
      </c>
      <c r="C3" s="5" t="s">
        <v>93</v>
      </c>
      <c r="D3" s="3" t="s">
        <v>94</v>
      </c>
      <c r="E3" s="15" t="s">
        <v>95</v>
      </c>
    </row>
    <row r="4" spans="1:5" ht="22.8" customHeight="1" x14ac:dyDescent="0.45">
      <c r="A4" s="7" t="s">
        <v>96</v>
      </c>
      <c r="B4" s="7" t="s">
        <v>18</v>
      </c>
      <c r="C4" s="4" t="s">
        <v>19</v>
      </c>
      <c r="D4" s="5" t="s">
        <v>20</v>
      </c>
      <c r="E4" s="7" t="s">
        <v>97</v>
      </c>
    </row>
    <row r="5" spans="1:5" ht="22.8" customHeight="1" x14ac:dyDescent="0.45">
      <c r="A5" s="7" t="s">
        <v>98</v>
      </c>
      <c r="B5" s="7" t="s">
        <v>66</v>
      </c>
      <c r="C5" s="4" t="s">
        <v>99</v>
      </c>
      <c r="D5" s="5" t="s">
        <v>100</v>
      </c>
      <c r="E5" s="7" t="s">
        <v>101</v>
      </c>
    </row>
    <row r="6" spans="1:5" ht="22.8" customHeight="1" x14ac:dyDescent="0.45">
      <c r="A6" s="7" t="s">
        <v>102</v>
      </c>
      <c r="B6" s="7" t="s">
        <v>103</v>
      </c>
      <c r="C6" s="4" t="s">
        <v>104</v>
      </c>
      <c r="D6" s="5" t="s">
        <v>46</v>
      </c>
      <c r="E6" s="7" t="s">
        <v>105</v>
      </c>
    </row>
    <row r="7" spans="1:5" ht="22.8" customHeight="1" x14ac:dyDescent="0.45">
      <c r="A7" s="7" t="s">
        <v>106</v>
      </c>
      <c r="B7" s="7" t="s">
        <v>23</v>
      </c>
      <c r="C7" s="4" t="s">
        <v>64</v>
      </c>
      <c r="D7" s="5" t="s">
        <v>39</v>
      </c>
      <c r="E7" s="7" t="s">
        <v>65</v>
      </c>
    </row>
    <row r="8" spans="1:5" ht="22.8" customHeight="1" x14ac:dyDescent="0.45">
      <c r="A8" s="7" t="s">
        <v>107</v>
      </c>
      <c r="B8" s="7" t="s">
        <v>22</v>
      </c>
      <c r="C8" s="4" t="s">
        <v>83</v>
      </c>
      <c r="D8" s="5" t="s">
        <v>6</v>
      </c>
      <c r="E8" s="7" t="s">
        <v>108</v>
      </c>
    </row>
    <row r="9" spans="1:5" ht="22.8" customHeight="1" x14ac:dyDescent="0.45">
      <c r="A9" s="7" t="s">
        <v>109</v>
      </c>
      <c r="B9" s="7" t="s">
        <v>48</v>
      </c>
      <c r="C9" s="4" t="s">
        <v>49</v>
      </c>
      <c r="D9" s="5" t="s">
        <v>50</v>
      </c>
      <c r="E9" s="7" t="s">
        <v>110</v>
      </c>
    </row>
    <row r="10" spans="1:5" ht="22.8" customHeight="1" x14ac:dyDescent="0.45">
      <c r="A10" s="7" t="s">
        <v>111</v>
      </c>
      <c r="B10" s="10" t="s">
        <v>24</v>
      </c>
      <c r="C10" s="4" t="s">
        <v>61</v>
      </c>
      <c r="D10" s="5" t="s">
        <v>8</v>
      </c>
      <c r="E10" s="7" t="s">
        <v>62</v>
      </c>
    </row>
    <row r="11" spans="1:5" ht="22.8" customHeight="1" x14ac:dyDescent="0.45">
      <c r="A11" s="7" t="s">
        <v>112</v>
      </c>
      <c r="B11" s="7" t="s">
        <v>31</v>
      </c>
      <c r="C11" s="4" t="s">
        <v>32</v>
      </c>
      <c r="D11" s="5" t="s">
        <v>33</v>
      </c>
      <c r="E11" s="7" t="s">
        <v>113</v>
      </c>
    </row>
    <row r="12" spans="1:5" ht="22.8" customHeight="1" x14ac:dyDescent="0.45">
      <c r="A12" s="7" t="s">
        <v>114</v>
      </c>
      <c r="B12" s="7" t="s">
        <v>25</v>
      </c>
      <c r="C12" s="4" t="s">
        <v>26</v>
      </c>
      <c r="D12" s="5" t="s">
        <v>27</v>
      </c>
      <c r="E12" s="7" t="s">
        <v>72</v>
      </c>
    </row>
    <row r="13" spans="1:5" ht="22.8" customHeight="1" x14ac:dyDescent="0.45">
      <c r="A13" s="7" t="s">
        <v>115</v>
      </c>
      <c r="B13" s="7" t="s">
        <v>37</v>
      </c>
      <c r="C13" s="4" t="s">
        <v>38</v>
      </c>
      <c r="D13" s="5" t="s">
        <v>39</v>
      </c>
      <c r="E13" s="7" t="s">
        <v>63</v>
      </c>
    </row>
    <row r="14" spans="1:5" ht="22.8" customHeight="1" x14ac:dyDescent="0.45">
      <c r="A14" s="7" t="s">
        <v>116</v>
      </c>
      <c r="B14" s="7" t="s">
        <v>54</v>
      </c>
      <c r="C14" s="4" t="s">
        <v>55</v>
      </c>
      <c r="D14" s="5" t="s">
        <v>27</v>
      </c>
      <c r="E14" s="7" t="s">
        <v>117</v>
      </c>
    </row>
    <row r="15" spans="1:5" ht="22.8" customHeight="1" x14ac:dyDescent="0.45">
      <c r="A15" s="7" t="s">
        <v>118</v>
      </c>
      <c r="B15" s="7" t="s">
        <v>28</v>
      </c>
      <c r="C15" s="4" t="s">
        <v>29</v>
      </c>
      <c r="D15" s="5" t="s">
        <v>30</v>
      </c>
      <c r="E15" s="7" t="s">
        <v>119</v>
      </c>
    </row>
    <row r="16" spans="1:5" ht="22.8" customHeight="1" x14ac:dyDescent="0.45">
      <c r="A16" s="7" t="s">
        <v>120</v>
      </c>
      <c r="B16" s="7" t="s">
        <v>40</v>
      </c>
      <c r="C16" s="4" t="s">
        <v>41</v>
      </c>
      <c r="D16" s="5" t="s">
        <v>13</v>
      </c>
      <c r="E16" s="7" t="s">
        <v>121</v>
      </c>
    </row>
    <row r="17" spans="1:5" ht="22.8" customHeight="1" x14ac:dyDescent="0.45">
      <c r="A17" s="7" t="s">
        <v>122</v>
      </c>
      <c r="B17" s="7" t="s">
        <v>123</v>
      </c>
      <c r="C17" s="4" t="s">
        <v>124</v>
      </c>
      <c r="D17" s="5" t="s">
        <v>125</v>
      </c>
      <c r="E17" s="7" t="s">
        <v>126</v>
      </c>
    </row>
    <row r="18" spans="1:5" ht="22.8" customHeight="1" x14ac:dyDescent="0.45">
      <c r="A18" s="7" t="s">
        <v>127</v>
      </c>
      <c r="B18" s="7" t="s">
        <v>128</v>
      </c>
      <c r="C18" s="4" t="s">
        <v>129</v>
      </c>
      <c r="D18" s="5" t="s">
        <v>130</v>
      </c>
      <c r="E18" s="7" t="s">
        <v>131</v>
      </c>
    </row>
    <row r="19" spans="1:5" ht="22.8" customHeight="1" x14ac:dyDescent="0.45">
      <c r="A19" s="7" t="s">
        <v>132</v>
      </c>
      <c r="B19" s="7" t="s">
        <v>133</v>
      </c>
      <c r="C19" s="4" t="s">
        <v>43</v>
      </c>
      <c r="D19" s="5" t="s">
        <v>44</v>
      </c>
      <c r="E19" s="7" t="s">
        <v>134</v>
      </c>
    </row>
    <row r="20" spans="1:5" ht="22.8" customHeight="1" x14ac:dyDescent="0.45">
      <c r="A20" s="7" t="s">
        <v>135</v>
      </c>
      <c r="B20" s="7" t="s">
        <v>15</v>
      </c>
      <c r="C20" s="4" t="s">
        <v>16</v>
      </c>
      <c r="D20" s="5" t="s">
        <v>17</v>
      </c>
      <c r="E20" s="7" t="s">
        <v>136</v>
      </c>
    </row>
    <row r="21" spans="1:5" ht="22.8" customHeight="1" x14ac:dyDescent="0.45">
      <c r="A21" s="7" t="s">
        <v>137</v>
      </c>
      <c r="B21" s="10" t="s">
        <v>138</v>
      </c>
      <c r="C21" s="4" t="s">
        <v>139</v>
      </c>
      <c r="D21" s="5" t="s">
        <v>140</v>
      </c>
      <c r="E21" s="7" t="s">
        <v>141</v>
      </c>
    </row>
    <row r="22" spans="1:5" ht="22.8" customHeight="1" x14ac:dyDescent="0.45">
      <c r="A22" s="7" t="s">
        <v>142</v>
      </c>
      <c r="B22" s="7" t="s">
        <v>51</v>
      </c>
      <c r="C22" s="4" t="s">
        <v>73</v>
      </c>
      <c r="D22" s="5" t="s">
        <v>30</v>
      </c>
      <c r="E22" s="7" t="s">
        <v>143</v>
      </c>
    </row>
    <row r="23" spans="1:5" ht="22.8" customHeight="1" x14ac:dyDescent="0.45">
      <c r="A23" s="7" t="s">
        <v>144</v>
      </c>
      <c r="B23" s="7" t="s">
        <v>145</v>
      </c>
      <c r="C23" s="4" t="s">
        <v>67</v>
      </c>
      <c r="D23" s="5" t="s">
        <v>10</v>
      </c>
      <c r="E23" s="7" t="s">
        <v>146</v>
      </c>
    </row>
    <row r="24" spans="1:5" ht="22.8" customHeight="1" x14ac:dyDescent="0.45">
      <c r="A24" s="7" t="s">
        <v>147</v>
      </c>
      <c r="B24" s="7" t="s">
        <v>148</v>
      </c>
      <c r="C24" s="4" t="s">
        <v>42</v>
      </c>
      <c r="D24" s="5" t="s">
        <v>149</v>
      </c>
      <c r="E24" s="7" t="s">
        <v>150</v>
      </c>
    </row>
    <row r="25" spans="1:5" ht="22.8" customHeight="1" x14ac:dyDescent="0.45">
      <c r="A25" s="7" t="s">
        <v>151</v>
      </c>
      <c r="B25" s="7" t="s">
        <v>152</v>
      </c>
      <c r="C25" s="4" t="s">
        <v>21</v>
      </c>
      <c r="D25" s="5" t="s">
        <v>7</v>
      </c>
      <c r="E25" s="7" t="s">
        <v>153</v>
      </c>
    </row>
    <row r="26" spans="1:5" ht="22.8" customHeight="1" x14ac:dyDescent="0.45">
      <c r="A26" s="7" t="s">
        <v>154</v>
      </c>
      <c r="B26" s="7" t="s">
        <v>155</v>
      </c>
      <c r="C26" s="4" t="s">
        <v>52</v>
      </c>
      <c r="D26" s="5" t="s">
        <v>53</v>
      </c>
      <c r="E26" s="7" t="s">
        <v>156</v>
      </c>
    </row>
    <row r="27" spans="1:5" ht="22.8" customHeight="1" x14ac:dyDescent="0.45">
      <c r="A27" s="7" t="s">
        <v>157</v>
      </c>
      <c r="B27" s="7" t="s">
        <v>68</v>
      </c>
      <c r="C27" s="4" t="s">
        <v>158</v>
      </c>
      <c r="D27" s="5" t="s">
        <v>45</v>
      </c>
      <c r="E27" s="7" t="s">
        <v>69</v>
      </c>
    </row>
    <row r="28" spans="1:5" ht="22.8" customHeight="1" x14ac:dyDescent="0.45">
      <c r="A28" s="7" t="s">
        <v>159</v>
      </c>
      <c r="B28" s="7" t="s">
        <v>160</v>
      </c>
      <c r="C28" s="4" t="s">
        <v>161</v>
      </c>
      <c r="D28" s="5" t="s">
        <v>14</v>
      </c>
      <c r="E28" s="7" t="s">
        <v>162</v>
      </c>
    </row>
    <row r="29" spans="1:5" ht="22.8" customHeight="1" x14ac:dyDescent="0.45">
      <c r="A29" s="7" t="s">
        <v>163</v>
      </c>
      <c r="B29" s="7" t="s">
        <v>164</v>
      </c>
      <c r="C29" s="4" t="s">
        <v>165</v>
      </c>
      <c r="D29" s="5" t="s">
        <v>9</v>
      </c>
      <c r="E29" s="7" t="s">
        <v>166</v>
      </c>
    </row>
    <row r="30" spans="1:5" s="9" customFormat="1" ht="22.8" customHeight="1" x14ac:dyDescent="0.45">
      <c r="A30" s="7" t="s">
        <v>167</v>
      </c>
      <c r="B30" s="7" t="s">
        <v>168</v>
      </c>
      <c r="C30" s="4" t="s">
        <v>169</v>
      </c>
      <c r="D30" s="5" t="s">
        <v>80</v>
      </c>
      <c r="E30" s="7" t="s">
        <v>170</v>
      </c>
    </row>
    <row r="31" spans="1:5" ht="22.8" customHeight="1" x14ac:dyDescent="0.45">
      <c r="A31" s="7" t="s">
        <v>171</v>
      </c>
      <c r="B31" s="7" t="s">
        <v>172</v>
      </c>
      <c r="C31" s="4" t="s">
        <v>35</v>
      </c>
      <c r="D31" s="5" t="s">
        <v>36</v>
      </c>
      <c r="E31" s="7" t="s">
        <v>173</v>
      </c>
    </row>
    <row r="32" spans="1:5" ht="22.8" customHeight="1" x14ac:dyDescent="0.45">
      <c r="A32" s="7" t="s">
        <v>174</v>
      </c>
      <c r="B32" s="7" t="s">
        <v>175</v>
      </c>
      <c r="C32" s="4" t="s">
        <v>70</v>
      </c>
      <c r="D32" s="5" t="s">
        <v>12</v>
      </c>
      <c r="E32" s="7" t="s">
        <v>71</v>
      </c>
    </row>
    <row r="33" spans="1:5" ht="22.8" customHeight="1" x14ac:dyDescent="0.45">
      <c r="A33" s="7" t="s">
        <v>176</v>
      </c>
      <c r="B33" s="7" t="s">
        <v>177</v>
      </c>
      <c r="C33" s="4" t="s">
        <v>178</v>
      </c>
      <c r="D33" s="17" t="s">
        <v>179</v>
      </c>
      <c r="E33" s="7" t="s">
        <v>180</v>
      </c>
    </row>
    <row r="34" spans="1:5" ht="22.8" customHeight="1" x14ac:dyDescent="0.45">
      <c r="A34" s="7" t="s">
        <v>181</v>
      </c>
      <c r="B34" s="7" t="s">
        <v>182</v>
      </c>
      <c r="C34" s="4" t="s">
        <v>86</v>
      </c>
      <c r="D34" s="17" t="s">
        <v>87</v>
      </c>
      <c r="E34" s="7" t="s">
        <v>183</v>
      </c>
    </row>
    <row r="35" spans="1:5" ht="22.8" customHeight="1" x14ac:dyDescent="0.45">
      <c r="A35" s="7" t="s">
        <v>184</v>
      </c>
      <c r="B35" s="7" t="s">
        <v>185</v>
      </c>
      <c r="C35" s="4" t="s">
        <v>74</v>
      </c>
      <c r="D35" s="5" t="s">
        <v>75</v>
      </c>
      <c r="E35" s="7" t="s">
        <v>186</v>
      </c>
    </row>
    <row r="36" spans="1:5" ht="22.8" customHeight="1" x14ac:dyDescent="0.45">
      <c r="A36" s="7" t="s">
        <v>187</v>
      </c>
      <c r="B36" s="7" t="s">
        <v>76</v>
      </c>
      <c r="C36" s="4" t="s">
        <v>77</v>
      </c>
      <c r="D36" s="5" t="s">
        <v>56</v>
      </c>
      <c r="E36" s="7" t="s">
        <v>78</v>
      </c>
    </row>
    <row r="37" spans="1:5" ht="22.8" customHeight="1" x14ac:dyDescent="0.45">
      <c r="A37" s="7" t="s">
        <v>188</v>
      </c>
      <c r="B37" s="7" t="s">
        <v>189</v>
      </c>
      <c r="C37" s="4" t="s">
        <v>190</v>
      </c>
      <c r="D37" s="5" t="s">
        <v>191</v>
      </c>
      <c r="E37" s="7" t="s">
        <v>192</v>
      </c>
    </row>
    <row r="38" spans="1:5" ht="22.8" customHeight="1" x14ac:dyDescent="0.45">
      <c r="A38" s="7" t="s">
        <v>193</v>
      </c>
      <c r="B38" s="7" t="s">
        <v>194</v>
      </c>
      <c r="C38" s="4" t="s">
        <v>195</v>
      </c>
      <c r="D38" s="5" t="s">
        <v>196</v>
      </c>
      <c r="E38" s="7" t="s">
        <v>11</v>
      </c>
    </row>
    <row r="39" spans="1:5" ht="22.8" customHeight="1" x14ac:dyDescent="0.45">
      <c r="A39" s="7" t="s">
        <v>197</v>
      </c>
      <c r="B39" s="7" t="s">
        <v>198</v>
      </c>
      <c r="C39" s="4" t="s">
        <v>79</v>
      </c>
      <c r="D39" s="5" t="s">
        <v>80</v>
      </c>
      <c r="E39" s="7" t="s">
        <v>81</v>
      </c>
    </row>
    <row r="40" spans="1:5" ht="22.8" customHeight="1" x14ac:dyDescent="0.45">
      <c r="A40" s="7" t="s">
        <v>199</v>
      </c>
      <c r="B40" s="7" t="s">
        <v>57</v>
      </c>
      <c r="C40" s="4" t="s">
        <v>82</v>
      </c>
      <c r="D40" s="5" t="s">
        <v>34</v>
      </c>
      <c r="E40" s="7" t="s">
        <v>58</v>
      </c>
    </row>
    <row r="41" spans="1:5" ht="22.8" customHeight="1" x14ac:dyDescent="0.45">
      <c r="A41" s="7" t="s">
        <v>200</v>
      </c>
      <c r="B41" s="7" t="s">
        <v>88</v>
      </c>
      <c r="C41" s="4" t="s">
        <v>89</v>
      </c>
      <c r="D41" s="5" t="s">
        <v>47</v>
      </c>
      <c r="E41" s="10" t="s">
        <v>201</v>
      </c>
    </row>
    <row r="42" spans="1:5" ht="22.8" customHeight="1" x14ac:dyDescent="0.45">
      <c r="A42" s="7" t="s">
        <v>202</v>
      </c>
      <c r="B42" s="7" t="s">
        <v>203</v>
      </c>
      <c r="C42" s="4" t="s">
        <v>204</v>
      </c>
      <c r="D42" s="5" t="s">
        <v>5</v>
      </c>
      <c r="E42" s="10" t="s">
        <v>205</v>
      </c>
    </row>
    <row r="43" spans="1:5" ht="22.8" customHeight="1" x14ac:dyDescent="0.45">
      <c r="A43" s="7" t="s">
        <v>206</v>
      </c>
      <c r="B43" s="10" t="s">
        <v>207</v>
      </c>
      <c r="C43" s="11" t="s">
        <v>59</v>
      </c>
      <c r="D43" s="3" t="s">
        <v>5</v>
      </c>
      <c r="E43" s="7" t="s">
        <v>60</v>
      </c>
    </row>
    <row r="44" spans="1:5" ht="22.8" customHeight="1" x14ac:dyDescent="0.45">
      <c r="A44" s="7" t="s">
        <v>208</v>
      </c>
      <c r="B44" s="10" t="s">
        <v>209</v>
      </c>
      <c r="C44" s="11" t="s">
        <v>210</v>
      </c>
      <c r="D44" s="3" t="s">
        <v>211</v>
      </c>
      <c r="E44" s="7" t="s">
        <v>212</v>
      </c>
    </row>
    <row r="45" spans="1:5" ht="22.8" customHeight="1" x14ac:dyDescent="0.45">
      <c r="A45" s="7" t="s">
        <v>213</v>
      </c>
      <c r="B45" s="10" t="s">
        <v>84</v>
      </c>
      <c r="C45" s="11" t="s">
        <v>214</v>
      </c>
      <c r="D45" s="3" t="s">
        <v>85</v>
      </c>
      <c r="E45" s="7" t="s">
        <v>21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useFirstPageNumber="1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８号（総）登録</vt:lpstr>
      <vt:lpstr>'８号（総）登録'!Print_Area</vt:lpstr>
      <vt:lpstr>'８号（総）登録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23T04:47:10Z</cp:lastPrinted>
  <dcterms:created xsi:type="dcterms:W3CDTF">2025-10-23T04:25:09Z</dcterms:created>
  <dcterms:modified xsi:type="dcterms:W3CDTF">2025-10-23T04:47:18Z</dcterms:modified>
</cp:coreProperties>
</file>